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2024\s1336\02_人材確保グループ\441_勤務環境改善支援センター\12_基金区分６\05_R6\05_交付申請通知\01_起案\"/>
    </mc:Choice>
  </mc:AlternateContent>
  <bookViews>
    <workbookView xWindow="0" yWindow="0" windowWidth="11076" windowHeight="8940"/>
  </bookViews>
  <sheets>
    <sheet name="所要額明細書（1-3）" sheetId="1" r:id="rId1"/>
  </sheets>
  <definedNames>
    <definedName name="_xlnm.Print_Area" localSheetId="0">'所要額明細書（1-3）'!$A$1:$F$41</definedName>
    <definedName name="Z_E7BCDAF7_C2B9_4608_9038_2343C8577E4D_.wvu.PrintArea" localSheetId="0" hidden="1">'所要額明細書（1-3）'!$A$1:$F$41</definedName>
    <definedName name="総合確保区域">#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41" i="1" l="1"/>
  <c r="C39" i="1"/>
  <c r="C25" i="1"/>
  <c r="C15" i="1"/>
  <c r="C24" i="1"/>
</calcChain>
</file>

<file path=xl/sharedStrings.xml><?xml version="1.0" encoding="utf-8"?>
<sst xmlns="http://schemas.openxmlformats.org/spreadsheetml/2006/main" count="24" uniqueCount="20">
  <si>
    <t>収支差額</t>
    <rPh sb="0" eb="2">
      <t>シュウシ</t>
    </rPh>
    <rPh sb="2" eb="4">
      <t>サガク</t>
    </rPh>
    <phoneticPr fontId="2"/>
  </si>
  <si>
    <t>合計</t>
    <rPh sb="0" eb="2">
      <t>ゴウケイ</t>
    </rPh>
    <phoneticPr fontId="4"/>
  </si>
  <si>
    <t>円</t>
    <rPh sb="0" eb="1">
      <t>エン</t>
    </rPh>
    <phoneticPr fontId="4"/>
  </si>
  <si>
    <t>県補助金</t>
    <rPh sb="0" eb="1">
      <t>ケン</t>
    </rPh>
    <rPh sb="1" eb="4">
      <t>ホジョキン</t>
    </rPh>
    <phoneticPr fontId="2"/>
  </si>
  <si>
    <t>収入予定額</t>
    <rPh sb="0" eb="2">
      <t>シュウニュウ</t>
    </rPh>
    <rPh sb="2" eb="4">
      <t>ヨテイ</t>
    </rPh>
    <rPh sb="4" eb="5">
      <t>ガク</t>
    </rPh>
    <phoneticPr fontId="4"/>
  </si>
  <si>
    <t>区分</t>
    <rPh sb="0" eb="2">
      <t>クブン</t>
    </rPh>
    <phoneticPr fontId="4"/>
  </si>
  <si>
    <t>２　歳入額</t>
    <rPh sb="2" eb="5">
      <t>サイニュウガク</t>
    </rPh>
    <phoneticPr fontId="4"/>
  </si>
  <si>
    <t>※取組内容の一部が他の補助事業と重複する場合は、他の補助金で計上している費用をこの事業の対象経費に含めないこと。</t>
    <rPh sb="1" eb="2">
      <t>ト</t>
    </rPh>
    <rPh sb="2" eb="3">
      <t>ク</t>
    </rPh>
    <rPh sb="3" eb="5">
      <t>ナイヨウ</t>
    </rPh>
    <rPh sb="6" eb="8">
      <t>イチブ</t>
    </rPh>
    <rPh sb="9" eb="10">
      <t>ホカ</t>
    </rPh>
    <rPh sb="11" eb="13">
      <t>ホジョ</t>
    </rPh>
    <rPh sb="13" eb="15">
      <t>ジギョウ</t>
    </rPh>
    <rPh sb="16" eb="18">
      <t>ジュウフク</t>
    </rPh>
    <rPh sb="20" eb="22">
      <t>バアイ</t>
    </rPh>
    <rPh sb="24" eb="25">
      <t>ホカ</t>
    </rPh>
    <rPh sb="26" eb="29">
      <t>ホジョキン</t>
    </rPh>
    <rPh sb="30" eb="32">
      <t>ケイジョウ</t>
    </rPh>
    <rPh sb="36" eb="38">
      <t>ヒヨウ</t>
    </rPh>
    <rPh sb="41" eb="43">
      <t>ジギョウ</t>
    </rPh>
    <rPh sb="44" eb="46">
      <t>タイショウ</t>
    </rPh>
    <rPh sb="46" eb="48">
      <t>ケイヒ</t>
    </rPh>
    <rPh sb="49" eb="50">
      <t>フク</t>
    </rPh>
    <phoneticPr fontId="2"/>
  </si>
  <si>
    <t>※算出内容欄には、単価・人数・日数等詳細を記載すること。</t>
    <rPh sb="1" eb="3">
      <t>サンシュツ</t>
    </rPh>
    <rPh sb="3" eb="5">
      <t>ナイヨウ</t>
    </rPh>
    <rPh sb="5" eb="6">
      <t>ラン</t>
    </rPh>
    <rPh sb="9" eb="11">
      <t>タンカ</t>
    </rPh>
    <rPh sb="12" eb="14">
      <t>ニンズウ</t>
    </rPh>
    <rPh sb="15" eb="17">
      <t>ニッスウ</t>
    </rPh>
    <rPh sb="17" eb="18">
      <t>トウ</t>
    </rPh>
    <rPh sb="18" eb="20">
      <t>ショウサイ</t>
    </rPh>
    <rPh sb="21" eb="23">
      <t>キサイ</t>
    </rPh>
    <phoneticPr fontId="2"/>
  </si>
  <si>
    <t>円</t>
    <rPh sb="0" eb="1">
      <t>エン</t>
    </rPh>
    <phoneticPr fontId="2"/>
  </si>
  <si>
    <t>小計</t>
    <rPh sb="0" eb="2">
      <t>ショウケイ</t>
    </rPh>
    <phoneticPr fontId="2"/>
  </si>
  <si>
    <t>その他経費</t>
    <rPh sb="2" eb="3">
      <t>タ</t>
    </rPh>
    <rPh sb="3" eb="5">
      <t>ケイヒ</t>
    </rPh>
    <phoneticPr fontId="2"/>
  </si>
  <si>
    <t>資産形成経費</t>
    <rPh sb="0" eb="2">
      <t>シサン</t>
    </rPh>
    <rPh sb="2" eb="4">
      <t>ケイセイ</t>
    </rPh>
    <rPh sb="4" eb="6">
      <t>ケイヒ</t>
    </rPh>
    <phoneticPr fontId="2"/>
  </si>
  <si>
    <t>算出内容</t>
    <rPh sb="0" eb="2">
      <t>サンシュツ</t>
    </rPh>
    <rPh sb="2" eb="4">
      <t>ナイヨウ</t>
    </rPh>
    <phoneticPr fontId="4"/>
  </si>
  <si>
    <t>支出予定額</t>
    <rPh sb="0" eb="5">
      <t>シシュツガク</t>
    </rPh>
    <phoneticPr fontId="4"/>
  </si>
  <si>
    <t>支出内訳</t>
    <rPh sb="0" eb="2">
      <t>シシュツ</t>
    </rPh>
    <rPh sb="2" eb="4">
      <t>ウチワケ</t>
    </rPh>
    <phoneticPr fontId="2"/>
  </si>
  <si>
    <t>１　歳出額</t>
    <rPh sb="2" eb="5">
      <t>サイシュツガク</t>
    </rPh>
    <phoneticPr fontId="4"/>
  </si>
  <si>
    <t>事業者名</t>
    <rPh sb="0" eb="3">
      <t>ジギョウシャ</t>
    </rPh>
    <rPh sb="3" eb="4">
      <t>メイ</t>
    </rPh>
    <phoneticPr fontId="4"/>
  </si>
  <si>
    <t>　令和６年度　勤務医の労働時間短縮に向けた体制整備事業費補助　所要額明細書</t>
    <rPh sb="1" eb="3">
      <t>レイワ</t>
    </rPh>
    <rPh sb="4" eb="6">
      <t>ネンドヘイネンド</t>
    </rPh>
    <rPh sb="7" eb="10">
      <t>キンムイ</t>
    </rPh>
    <rPh sb="11" eb="13">
      <t>ロウドウ</t>
    </rPh>
    <rPh sb="13" eb="15">
      <t>ジカン</t>
    </rPh>
    <rPh sb="15" eb="17">
      <t>タンシュク</t>
    </rPh>
    <rPh sb="18" eb="19">
      <t>ム</t>
    </rPh>
    <rPh sb="21" eb="23">
      <t>タイセイ</t>
    </rPh>
    <rPh sb="23" eb="25">
      <t>セイビ</t>
    </rPh>
    <rPh sb="25" eb="28">
      <t>ジギョウヒ</t>
    </rPh>
    <rPh sb="28" eb="30">
      <t>ホジョ</t>
    </rPh>
    <rPh sb="31" eb="33">
      <t>ショヨウ</t>
    </rPh>
    <rPh sb="33" eb="34">
      <t>ガク</t>
    </rPh>
    <rPh sb="34" eb="37">
      <t>メイサイショ</t>
    </rPh>
    <phoneticPr fontId="4"/>
  </si>
  <si>
    <t>(別紙3)</t>
    <rPh sb="1" eb="3">
      <t>ベッシ</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14">
    <font>
      <sz val="12"/>
      <name val="ＭＳ 明朝"/>
      <family val="1"/>
      <charset val="128"/>
    </font>
    <font>
      <sz val="12"/>
      <name val="ＭＳ 明朝"/>
      <family val="1"/>
      <charset val="128"/>
    </font>
    <font>
      <sz val="6"/>
      <name val="ＭＳ 明朝"/>
      <family val="1"/>
      <charset val="128"/>
    </font>
    <font>
      <sz val="10"/>
      <name val="ＭＳ 明朝"/>
      <family val="1"/>
      <charset val="128"/>
    </font>
    <font>
      <sz val="6"/>
      <name val="ＭＳ Ｐゴシック"/>
      <family val="3"/>
      <charset val="128"/>
    </font>
    <font>
      <sz val="10"/>
      <color rgb="FFFF0000"/>
      <name val="ＭＳ 明朝"/>
      <family val="1"/>
      <charset val="128"/>
    </font>
    <font>
      <sz val="11"/>
      <name val="ＭＳ 明朝"/>
      <family val="1"/>
      <charset val="128"/>
    </font>
    <font>
      <sz val="8"/>
      <name val="ＭＳ 明朝"/>
      <family val="1"/>
      <charset val="128"/>
    </font>
    <font>
      <strike/>
      <sz val="10"/>
      <name val="ＭＳ 明朝"/>
      <family val="1"/>
      <charset val="128"/>
    </font>
    <font>
      <sz val="11"/>
      <name val="ＭＳ Ｐゴシック"/>
      <family val="3"/>
      <charset val="128"/>
    </font>
    <font>
      <sz val="10"/>
      <name val="ＭＳ ゴシック"/>
      <family val="3"/>
      <charset val="128"/>
    </font>
    <font>
      <sz val="14"/>
      <name val="ＭＳ ゴシック"/>
      <family val="3"/>
      <charset val="128"/>
    </font>
    <font>
      <sz val="12"/>
      <name val="ＭＳ ゴシック"/>
      <family val="3"/>
      <charset val="128"/>
    </font>
    <font>
      <sz val="10"/>
      <name val="ＭＳ Ｐ明朝"/>
      <family val="1"/>
      <charset val="128"/>
    </font>
  </fonts>
  <fills count="2">
    <fill>
      <patternFill patternType="none"/>
    </fill>
    <fill>
      <patternFill patternType="gray125"/>
    </fill>
  </fills>
  <borders count="16">
    <border>
      <left/>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style="thin">
        <color indexed="64"/>
      </top>
      <bottom style="thin">
        <color indexed="64"/>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9" fillId="0" borderId="0"/>
    <xf numFmtId="0" fontId="9" fillId="0" borderId="0"/>
  </cellStyleXfs>
  <cellXfs count="64">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3" xfId="0" applyBorder="1">
      <alignment vertical="center"/>
    </xf>
    <xf numFmtId="0" fontId="3" fillId="0" borderId="0" xfId="0" applyFont="1">
      <alignment vertical="center"/>
    </xf>
    <xf numFmtId="0" fontId="3" fillId="0" borderId="0" xfId="0" applyFont="1" applyBorder="1">
      <alignment vertical="center"/>
    </xf>
    <xf numFmtId="38" fontId="3" fillId="0" borderId="4" xfId="1" applyFont="1" applyBorder="1">
      <alignment vertical="center"/>
    </xf>
    <xf numFmtId="0" fontId="3" fillId="0" borderId="5" xfId="0" applyFont="1" applyBorder="1">
      <alignment vertical="center"/>
    </xf>
    <xf numFmtId="0" fontId="3" fillId="0" borderId="0" xfId="0" applyFont="1" applyBorder="1" applyAlignment="1">
      <alignment vertical="center"/>
    </xf>
    <xf numFmtId="38" fontId="3" fillId="0" borderId="4" xfId="1" applyFont="1" applyBorder="1" applyAlignment="1">
      <alignment vertical="center"/>
    </xf>
    <xf numFmtId="38" fontId="3" fillId="0" borderId="7" xfId="1" applyFont="1" applyBorder="1" applyAlignment="1">
      <alignment vertical="center"/>
    </xf>
    <xf numFmtId="0" fontId="3" fillId="0" borderId="8" xfId="0" applyFont="1" applyBorder="1" applyAlignment="1">
      <alignment vertical="center"/>
    </xf>
    <xf numFmtId="0" fontId="5" fillId="0" borderId="0" xfId="0" applyFont="1" applyBorder="1" applyAlignment="1">
      <alignment vertical="center"/>
    </xf>
    <xf numFmtId="0" fontId="3" fillId="0" borderId="7" xfId="0" applyFont="1" applyBorder="1" applyAlignment="1">
      <alignment horizontal="right" vertical="center"/>
    </xf>
    <xf numFmtId="0" fontId="3" fillId="0" borderId="4" xfId="0" applyFont="1" applyBorder="1" applyAlignment="1">
      <alignment horizontal="center" vertical="center"/>
    </xf>
    <xf numFmtId="0" fontId="1" fillId="0" borderId="0" xfId="0" applyFont="1">
      <alignment vertical="center"/>
    </xf>
    <xf numFmtId="38" fontId="1" fillId="0" borderId="0" xfId="1" applyFont="1">
      <alignment vertical="center"/>
    </xf>
    <xf numFmtId="0" fontId="6" fillId="0" borderId="0" xfId="0" applyFont="1" applyAlignment="1">
      <alignment vertical="center"/>
    </xf>
    <xf numFmtId="0" fontId="7" fillId="0" borderId="0" xfId="0" applyFont="1">
      <alignment vertical="center"/>
    </xf>
    <xf numFmtId="0" fontId="3" fillId="0" borderId="0" xfId="0" applyFont="1" applyAlignment="1">
      <alignment vertical="center"/>
    </xf>
    <xf numFmtId="38" fontId="3" fillId="0" borderId="0" xfId="1" applyFont="1" applyBorder="1" applyAlignment="1">
      <alignment horizontal="right" vertical="center"/>
    </xf>
    <xf numFmtId="0" fontId="3" fillId="0" borderId="0" xfId="0" applyFont="1" applyBorder="1" applyAlignment="1">
      <alignment horizontal="left" vertical="center"/>
    </xf>
    <xf numFmtId="0" fontId="7" fillId="0" borderId="0" xfId="0" applyFont="1" applyBorder="1" applyAlignment="1">
      <alignment vertical="center"/>
    </xf>
    <xf numFmtId="0" fontId="3" fillId="0" borderId="9" xfId="0" applyFont="1" applyBorder="1" applyAlignment="1">
      <alignment vertical="center"/>
    </xf>
    <xf numFmtId="0" fontId="3" fillId="0" borderId="5" xfId="0" applyFont="1" applyBorder="1" applyAlignment="1">
      <alignment vertical="center"/>
    </xf>
    <xf numFmtId="0" fontId="3" fillId="0" borderId="6" xfId="0" applyFont="1" applyBorder="1" applyAlignment="1">
      <alignment vertical="center"/>
    </xf>
    <xf numFmtId="38" fontId="3" fillId="0" borderId="4" xfId="1" applyFont="1" applyBorder="1" applyAlignment="1">
      <alignment horizontal="right" vertical="center"/>
    </xf>
    <xf numFmtId="0" fontId="3" fillId="0" borderId="10" xfId="0" applyFont="1" applyBorder="1" applyAlignment="1">
      <alignment vertical="center"/>
    </xf>
    <xf numFmtId="0" fontId="3" fillId="0" borderId="5" xfId="0" applyFont="1" applyBorder="1" applyAlignment="1">
      <alignment horizontal="right" vertical="center"/>
    </xf>
    <xf numFmtId="176" fontId="3" fillId="0" borderId="10" xfId="0" applyNumberFormat="1" applyFont="1" applyBorder="1" applyAlignment="1">
      <alignment vertical="center"/>
    </xf>
    <xf numFmtId="0" fontId="0" fillId="0" borderId="10" xfId="0" applyBorder="1" applyAlignment="1">
      <alignment vertical="center"/>
    </xf>
    <xf numFmtId="0" fontId="0" fillId="0" borderId="0" xfId="0" applyAlignment="1">
      <alignment vertical="center"/>
    </xf>
    <xf numFmtId="0" fontId="0" fillId="0" borderId="8" xfId="0" applyBorder="1" applyAlignment="1">
      <alignment vertical="center"/>
    </xf>
    <xf numFmtId="0" fontId="5" fillId="0" borderId="8" xfId="0" applyFont="1" applyBorder="1" applyAlignment="1">
      <alignment vertical="center" wrapText="1"/>
    </xf>
    <xf numFmtId="38" fontId="3" fillId="0" borderId="7" xfId="1" applyFont="1" applyBorder="1" applyAlignment="1">
      <alignment horizontal="right" vertical="center"/>
    </xf>
    <xf numFmtId="0" fontId="3" fillId="0" borderId="13" xfId="0" applyFont="1" applyBorder="1" applyAlignment="1">
      <alignment vertical="center"/>
    </xf>
    <xf numFmtId="0" fontId="3" fillId="0" borderId="14" xfId="0" applyFont="1" applyBorder="1" applyAlignment="1">
      <alignment vertical="center"/>
    </xf>
    <xf numFmtId="0" fontId="3" fillId="0" borderId="15" xfId="0" applyFont="1" applyBorder="1" applyAlignment="1">
      <alignment vertical="center"/>
    </xf>
    <xf numFmtId="0" fontId="3" fillId="0" borderId="10" xfId="0" applyFont="1" applyBorder="1" applyAlignment="1">
      <alignment vertical="center" wrapText="1"/>
    </xf>
    <xf numFmtId="0" fontId="3" fillId="0" borderId="0" xfId="0" applyFont="1" applyBorder="1" applyAlignment="1">
      <alignment vertical="center" wrapText="1"/>
    </xf>
    <xf numFmtId="0" fontId="3" fillId="0" borderId="8" xfId="0" applyFont="1" applyBorder="1" applyAlignment="1">
      <alignment vertical="center" wrapText="1"/>
    </xf>
    <xf numFmtId="38" fontId="3" fillId="0" borderId="11" xfId="1" applyFont="1" applyBorder="1" applyAlignment="1">
      <alignment vertical="center"/>
    </xf>
    <xf numFmtId="0" fontId="8" fillId="0" borderId="8" xfId="0" applyFont="1" applyBorder="1" applyAlignment="1">
      <alignment vertical="center" wrapText="1"/>
    </xf>
    <xf numFmtId="0" fontId="3" fillId="0" borderId="0" xfId="0" applyFont="1" applyAlignment="1">
      <alignment horizontal="center" vertical="center"/>
    </xf>
    <xf numFmtId="0" fontId="3" fillId="0" borderId="6" xfId="0" applyFont="1" applyBorder="1" applyAlignment="1">
      <alignment horizontal="center" vertical="center"/>
    </xf>
    <xf numFmtId="0" fontId="0" fillId="0" borderId="0" xfId="0" applyFont="1">
      <alignment vertical="center"/>
    </xf>
    <xf numFmtId="0" fontId="3" fillId="0" borderId="0" xfId="2" applyFont="1"/>
    <xf numFmtId="0" fontId="3" fillId="0" borderId="14" xfId="2" applyFont="1" applyBorder="1"/>
    <xf numFmtId="0" fontId="3" fillId="0" borderId="14" xfId="3" applyFont="1" applyFill="1" applyBorder="1" applyAlignment="1"/>
    <xf numFmtId="0" fontId="3" fillId="0" borderId="0" xfId="2" applyFont="1" applyBorder="1"/>
    <xf numFmtId="0" fontId="10" fillId="0" borderId="0" xfId="2" applyFont="1" applyAlignment="1">
      <alignment vertical="center"/>
    </xf>
    <xf numFmtId="0" fontId="11" fillId="0" borderId="0" xfId="2" applyFont="1" applyAlignment="1">
      <alignment vertical="center"/>
    </xf>
    <xf numFmtId="0" fontId="13" fillId="0" borderId="0" xfId="2" applyFont="1"/>
    <xf numFmtId="0" fontId="3" fillId="0" borderId="6" xfId="0" applyFont="1" applyBorder="1" applyAlignment="1">
      <alignment horizontal="center" vertical="center"/>
    </xf>
    <xf numFmtId="0" fontId="1" fillId="0" borderId="5" xfId="0" applyFont="1" applyBorder="1">
      <alignment vertical="center"/>
    </xf>
    <xf numFmtId="0" fontId="3" fillId="0" borderId="5" xfId="0" applyFont="1" applyBorder="1" applyAlignment="1">
      <alignment horizontal="center" vertical="center"/>
    </xf>
    <xf numFmtId="0" fontId="12" fillId="0" borderId="0" xfId="2" applyFont="1" applyAlignment="1">
      <alignment horizontal="center" vertical="center"/>
    </xf>
    <xf numFmtId="0" fontId="3" fillId="0" borderId="9" xfId="0" applyFont="1" applyBorder="1" applyAlignment="1">
      <alignment horizontal="center" vertical="center"/>
    </xf>
    <xf numFmtId="0" fontId="3" fillId="0" borderId="0" xfId="0" applyFont="1" applyBorder="1" applyAlignment="1">
      <alignment horizontal="center" vertical="center"/>
    </xf>
    <xf numFmtId="0" fontId="1" fillId="0" borderId="0" xfId="0" applyFont="1" applyBorder="1">
      <alignment vertical="center"/>
    </xf>
    <xf numFmtId="0" fontId="3" fillId="0" borderId="12" xfId="0" applyFont="1" applyBorder="1" applyAlignment="1">
      <alignment horizontal="center" vertical="center"/>
    </xf>
    <xf numFmtId="0" fontId="3" fillId="0" borderId="7" xfId="0" applyFont="1" applyBorder="1" applyAlignment="1">
      <alignment horizontal="center" vertical="center"/>
    </xf>
    <xf numFmtId="0" fontId="3" fillId="0" borderId="11" xfId="0" applyFont="1" applyBorder="1" applyAlignment="1">
      <alignment horizontal="center" vertical="center"/>
    </xf>
    <xf numFmtId="38" fontId="3" fillId="0" borderId="4" xfId="1" applyNumberFormat="1" applyFont="1" applyBorder="1" applyAlignment="1">
      <alignment horizontal="right" vertical="center"/>
    </xf>
  </cellXfs>
  <cellStyles count="4">
    <cellStyle name="桁区切り 3" xfId="1"/>
    <cellStyle name="標準" xfId="0" builtinId="0"/>
    <cellStyle name="標準_◆【別紙1-1、1-2】計画書" xfId="3"/>
    <cellStyle name="標準_◆【別紙様式5】分娩手当所要額"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K77"/>
  <sheetViews>
    <sheetView tabSelected="1" view="pageBreakPreview" topLeftCell="A13" zoomScaleNormal="100" workbookViewId="0">
      <selection activeCell="C39" sqref="C39"/>
    </sheetView>
  </sheetViews>
  <sheetFormatPr defaultRowHeight="14.4"/>
  <cols>
    <col min="1" max="1" width="11.59765625" customWidth="1"/>
    <col min="2" max="2" width="24.19921875" customWidth="1"/>
    <col min="3" max="3" width="16.19921875" customWidth="1"/>
    <col min="4" max="4" width="8" customWidth="1"/>
    <col min="6" max="6" width="8.59765625" customWidth="1"/>
  </cols>
  <sheetData>
    <row r="1" spans="1:11" s="52" customFormat="1" ht="18.75" customHeight="1">
      <c r="A1" s="19" t="s">
        <v>19</v>
      </c>
    </row>
    <row r="2" spans="1:11" s="50" customFormat="1" ht="20.25" customHeight="1">
      <c r="A2" s="56" t="s">
        <v>18</v>
      </c>
      <c r="B2" s="56"/>
      <c r="C2" s="56"/>
      <c r="D2" s="56"/>
      <c r="E2" s="56"/>
      <c r="F2" s="56"/>
      <c r="G2" s="51"/>
      <c r="H2" s="51"/>
      <c r="I2" s="51"/>
      <c r="J2" s="51"/>
      <c r="K2" s="51"/>
    </row>
    <row r="3" spans="1:11" s="46" customFormat="1" ht="9" customHeight="1">
      <c r="C3" s="49"/>
      <c r="D3" s="49"/>
      <c r="E3" s="49"/>
      <c r="F3" s="49"/>
    </row>
    <row r="4" spans="1:11" s="46" customFormat="1" ht="18" customHeight="1">
      <c r="D4" s="48" t="s">
        <v>17</v>
      </c>
      <c r="E4" s="47"/>
      <c r="F4" s="47"/>
    </row>
    <row r="5" spans="1:11" s="15" customFormat="1" ht="9" customHeight="1">
      <c r="A5" s="45"/>
      <c r="B5" s="45"/>
      <c r="C5" s="45"/>
      <c r="D5" s="45"/>
      <c r="E5" s="45"/>
      <c r="F5" s="45"/>
    </row>
    <row r="6" spans="1:11" s="17" customFormat="1" ht="15" customHeight="1">
      <c r="A6" s="17" t="s">
        <v>16</v>
      </c>
    </row>
    <row r="7" spans="1:11" s="43" customFormat="1" ht="15" customHeight="1">
      <c r="A7" s="44" t="s">
        <v>5</v>
      </c>
      <c r="B7" s="14" t="s">
        <v>15</v>
      </c>
      <c r="C7" s="14" t="s">
        <v>14</v>
      </c>
      <c r="D7" s="53" t="s">
        <v>13</v>
      </c>
      <c r="E7" s="55"/>
      <c r="F7" s="57"/>
    </row>
    <row r="8" spans="1:11" s="19" customFormat="1" ht="15" customHeight="1">
      <c r="A8" s="60" t="s">
        <v>12</v>
      </c>
      <c r="B8" s="27"/>
      <c r="C8" s="13" t="s">
        <v>2</v>
      </c>
      <c r="D8" s="11"/>
      <c r="E8" s="8"/>
      <c r="F8" s="27"/>
    </row>
    <row r="9" spans="1:11" s="19" customFormat="1" ht="15" customHeight="1">
      <c r="A9" s="61"/>
      <c r="B9" s="27"/>
      <c r="C9" s="10"/>
      <c r="D9" s="11"/>
      <c r="E9" s="8"/>
      <c r="F9" s="29"/>
    </row>
    <row r="10" spans="1:11" s="19" customFormat="1" ht="15" customHeight="1">
      <c r="A10" s="61"/>
      <c r="C10" s="10"/>
      <c r="D10" s="11"/>
      <c r="E10" s="8"/>
      <c r="F10" s="29"/>
    </row>
    <row r="11" spans="1:11" s="19" customFormat="1" ht="15" customHeight="1">
      <c r="A11" s="61"/>
      <c r="C11" s="10"/>
      <c r="D11" s="42"/>
      <c r="E11" s="39"/>
      <c r="F11" s="38"/>
    </row>
    <row r="12" spans="1:11" s="19" customFormat="1" ht="15" customHeight="1">
      <c r="A12" s="61"/>
      <c r="C12" s="10"/>
      <c r="D12" s="40"/>
      <c r="E12" s="39"/>
      <c r="F12" s="38"/>
    </row>
    <row r="13" spans="1:11" s="19" customFormat="1" ht="15" customHeight="1">
      <c r="A13" s="61"/>
      <c r="C13" s="10"/>
      <c r="D13" s="40"/>
      <c r="E13" s="39"/>
      <c r="F13" s="38"/>
    </row>
    <row r="14" spans="1:11" s="19" customFormat="1" ht="15" customHeight="1">
      <c r="A14" s="61"/>
      <c r="B14" s="36"/>
      <c r="C14" s="41"/>
      <c r="D14" s="40"/>
      <c r="E14" s="39"/>
      <c r="F14" s="38"/>
    </row>
    <row r="15" spans="1:11" s="19" customFormat="1" ht="15" customHeight="1">
      <c r="A15" s="62"/>
      <c r="B15" s="28" t="s">
        <v>10</v>
      </c>
      <c r="C15" s="63">
        <f>SUM(C9:C14)</f>
        <v>0</v>
      </c>
      <c r="D15" s="37"/>
      <c r="E15" s="36"/>
      <c r="F15" s="35"/>
    </row>
    <row r="16" spans="1:11" s="19" customFormat="1" ht="15" customHeight="1">
      <c r="A16" s="60" t="s">
        <v>11</v>
      </c>
      <c r="C16" s="34" t="s">
        <v>9</v>
      </c>
      <c r="D16" s="33"/>
      <c r="E16" s="31"/>
      <c r="F16" s="30"/>
    </row>
    <row r="17" spans="1:6" s="19" customFormat="1" ht="15" customHeight="1">
      <c r="A17" s="61"/>
      <c r="B17" s="8"/>
      <c r="C17" s="10"/>
      <c r="D17" s="32"/>
      <c r="E17" s="31"/>
      <c r="F17" s="30"/>
    </row>
    <row r="18" spans="1:6" s="19" customFormat="1" ht="15" customHeight="1">
      <c r="A18" s="61"/>
      <c r="B18" s="8"/>
      <c r="C18" s="10"/>
      <c r="D18" s="32"/>
      <c r="E18" s="31"/>
      <c r="F18" s="30"/>
    </row>
    <row r="19" spans="1:6" s="19" customFormat="1" ht="15" customHeight="1">
      <c r="A19" s="61"/>
      <c r="B19" s="8"/>
      <c r="C19" s="10"/>
      <c r="D19" s="32"/>
      <c r="E19" s="31"/>
      <c r="F19" s="30"/>
    </row>
    <row r="20" spans="1:6" s="19" customFormat="1" ht="15" customHeight="1">
      <c r="A20" s="61"/>
      <c r="B20" s="8"/>
      <c r="C20" s="10"/>
      <c r="D20" s="32"/>
      <c r="E20" s="31"/>
      <c r="F20" s="30"/>
    </row>
    <row r="21" spans="1:6" s="19" customFormat="1" ht="15" customHeight="1">
      <c r="A21" s="61"/>
      <c r="B21" s="8"/>
      <c r="C21" s="10"/>
      <c r="D21" s="32"/>
      <c r="E21" s="31"/>
      <c r="F21" s="30"/>
    </row>
    <row r="22" spans="1:6" s="19" customFormat="1" ht="15" customHeight="1">
      <c r="A22" s="61"/>
      <c r="C22" s="10"/>
      <c r="D22" s="32"/>
      <c r="E22" s="31"/>
      <c r="F22" s="30"/>
    </row>
    <row r="23" spans="1:6" s="19" customFormat="1" ht="15" customHeight="1">
      <c r="A23" s="61"/>
      <c r="C23" s="10"/>
      <c r="D23" s="11"/>
      <c r="E23" s="8"/>
      <c r="F23" s="29"/>
    </row>
    <row r="24" spans="1:6" s="19" customFormat="1" ht="15" customHeight="1">
      <c r="A24" s="62"/>
      <c r="B24" s="28" t="s">
        <v>10</v>
      </c>
      <c r="C24" s="63">
        <f>SUM(C17:C23)</f>
        <v>0</v>
      </c>
      <c r="D24" s="11"/>
      <c r="E24" s="8"/>
      <c r="F24" s="27"/>
    </row>
    <row r="25" spans="1:6" s="19" customFormat="1" ht="21" customHeight="1">
      <c r="A25" s="53" t="s">
        <v>1</v>
      </c>
      <c r="B25" s="57"/>
      <c r="C25" s="26">
        <f>SUM(C24,C15)</f>
        <v>0</v>
      </c>
      <c r="D25" s="25"/>
      <c r="E25" s="24"/>
      <c r="F25" s="23"/>
    </row>
    <row r="26" spans="1:6" s="19" customFormat="1" ht="14.55" customHeight="1">
      <c r="A26" s="22" t="s">
        <v>8</v>
      </c>
      <c r="B26" s="21"/>
      <c r="C26" s="20"/>
      <c r="D26" s="8"/>
      <c r="E26" s="8"/>
      <c r="F26" s="8"/>
    </row>
    <row r="27" spans="1:6" s="15" customFormat="1">
      <c r="A27" s="18" t="s">
        <v>7</v>
      </c>
      <c r="C27" s="16"/>
    </row>
    <row r="28" spans="1:6" s="15" customFormat="1">
      <c r="A28" s="18"/>
      <c r="C28" s="16"/>
    </row>
    <row r="29" spans="1:6" s="15" customFormat="1">
      <c r="A29" s="17" t="s">
        <v>6</v>
      </c>
      <c r="C29" s="16"/>
    </row>
    <row r="30" spans="1:6" s="4" customFormat="1" ht="15" customHeight="1">
      <c r="A30" s="53" t="s">
        <v>5</v>
      </c>
      <c r="B30" s="54"/>
      <c r="C30" s="14" t="s">
        <v>4</v>
      </c>
      <c r="D30" s="58"/>
      <c r="E30" s="59"/>
      <c r="F30" s="59"/>
    </row>
    <row r="31" spans="1:6" s="4" customFormat="1" ht="15" customHeight="1">
      <c r="A31" s="11" t="s">
        <v>3</v>
      </c>
      <c r="B31" s="8"/>
      <c r="C31" s="13" t="s">
        <v>2</v>
      </c>
      <c r="D31" s="8"/>
      <c r="E31" s="8"/>
      <c r="F31" s="8"/>
    </row>
    <row r="32" spans="1:6" s="4" customFormat="1" ht="15" customHeight="1">
      <c r="A32" s="11"/>
      <c r="B32" s="8"/>
      <c r="C32" s="10"/>
      <c r="D32" s="8"/>
      <c r="E32" s="8"/>
      <c r="F32" s="8"/>
    </row>
    <row r="33" spans="1:6" s="4" customFormat="1" ht="15" customHeight="1">
      <c r="A33" s="11"/>
      <c r="B33" s="8"/>
      <c r="C33" s="10"/>
      <c r="D33" s="8"/>
      <c r="E33" s="8"/>
      <c r="F33" s="8"/>
    </row>
    <row r="34" spans="1:6" s="4" customFormat="1" ht="15" customHeight="1">
      <c r="A34" s="11"/>
      <c r="B34" s="8"/>
      <c r="C34" s="10"/>
      <c r="D34" s="8"/>
      <c r="E34" s="8"/>
      <c r="F34" s="8"/>
    </row>
    <row r="35" spans="1:6" s="4" customFormat="1" ht="15" customHeight="1">
      <c r="A35" s="11"/>
      <c r="B35" s="12"/>
      <c r="C35" s="10"/>
      <c r="D35" s="8"/>
      <c r="E35" s="8"/>
      <c r="F35" s="8"/>
    </row>
    <row r="36" spans="1:6" s="4" customFormat="1" ht="15" customHeight="1">
      <c r="A36" s="11"/>
      <c r="B36" s="8"/>
      <c r="C36" s="10"/>
      <c r="D36" s="8"/>
      <c r="E36" s="8"/>
      <c r="F36" s="8"/>
    </row>
    <row r="37" spans="1:6" s="4" customFormat="1" ht="15" customHeight="1">
      <c r="A37" s="11"/>
      <c r="B37" s="8"/>
      <c r="C37" s="10"/>
      <c r="D37" s="8"/>
      <c r="E37" s="8"/>
      <c r="F37" s="8"/>
    </row>
    <row r="38" spans="1:6" s="4" customFormat="1" ht="15" customHeight="1">
      <c r="A38" s="11"/>
      <c r="B38" s="8"/>
      <c r="C38" s="10"/>
      <c r="D38" s="8"/>
      <c r="E38" s="8"/>
      <c r="F38" s="8"/>
    </row>
    <row r="39" spans="1:6" s="4" customFormat="1" ht="21" customHeight="1">
      <c r="A39" s="53" t="s">
        <v>1</v>
      </c>
      <c r="B39" s="54"/>
      <c r="C39" s="9">
        <f>SUM(C32:C38)</f>
        <v>0</v>
      </c>
      <c r="D39" s="8"/>
      <c r="E39" s="8"/>
      <c r="F39" s="8"/>
    </row>
    <row r="40" spans="1:6" s="4" customFormat="1" ht="12">
      <c r="C40" s="7"/>
      <c r="D40" s="5"/>
      <c r="E40" s="5"/>
      <c r="F40" s="5"/>
    </row>
    <row r="41" spans="1:6" s="4" customFormat="1" ht="21" customHeight="1">
      <c r="A41" s="53" t="s">
        <v>0</v>
      </c>
      <c r="B41" s="55"/>
      <c r="C41" s="6">
        <f>C25-C39</f>
        <v>0</v>
      </c>
      <c r="D41" s="5"/>
      <c r="E41" s="5"/>
      <c r="F41" s="5"/>
    </row>
    <row r="77" spans="1:11">
      <c r="A77" s="3"/>
      <c r="B77" s="2"/>
      <c r="C77" s="2"/>
      <c r="D77" s="2"/>
      <c r="E77" s="2"/>
      <c r="F77" s="2"/>
      <c r="G77" s="2"/>
      <c r="H77" s="2"/>
      <c r="I77" s="2"/>
      <c r="J77" s="2"/>
      <c r="K77" s="1"/>
    </row>
  </sheetData>
  <mergeCells count="9">
    <mergeCell ref="A39:B39"/>
    <mergeCell ref="A41:B41"/>
    <mergeCell ref="A2:F2"/>
    <mergeCell ref="D7:F7"/>
    <mergeCell ref="A25:B25"/>
    <mergeCell ref="A30:B30"/>
    <mergeCell ref="D30:F30"/>
    <mergeCell ref="A8:A15"/>
    <mergeCell ref="A16:A24"/>
  </mergeCells>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所要額明細書（1-3）</vt:lpstr>
      <vt:lpstr>'所要額明細書（1-3）'!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1-11-19T07:46:27Z</dcterms:created>
  <dcterms:modified xsi:type="dcterms:W3CDTF">2024-08-14T05:18:45Z</dcterms:modified>
</cp:coreProperties>
</file>